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6CA5DBF3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EC4FBB">
        <w:rPr>
          <w:rFonts w:ascii="Arial" w:hAnsi="Arial" w:cs="Arial"/>
          <w:sz w:val="40"/>
          <w:szCs w:val="40"/>
        </w:rPr>
        <w:t>Auto KC Ap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EC4FBB">
        <w:rPr>
          <w:rFonts w:ascii="Arial" w:hAnsi="Arial" w:cs="Arial"/>
          <w:sz w:val="40"/>
          <w:szCs w:val="40"/>
        </w:rPr>
        <w:t>Danmarksgade 43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EC4FBB">
        <w:rPr>
          <w:rFonts w:ascii="Arial" w:hAnsi="Arial" w:cs="Arial"/>
          <w:sz w:val="40"/>
          <w:szCs w:val="40"/>
        </w:rPr>
        <w:t>9293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EC4FBB">
        <w:rPr>
          <w:rFonts w:ascii="Arial" w:hAnsi="Arial" w:cs="Arial"/>
          <w:sz w:val="40"/>
          <w:szCs w:val="40"/>
        </w:rPr>
        <w:t>Kongerslev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31F3EB65" w:rsidR="00EC6E6D" w:rsidRPr="00245E8B" w:rsidRDefault="00EC4FBB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02.07.2018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65E7C523" w:rsidR="00EC6E6D" w:rsidRPr="00245E8B" w:rsidRDefault="00EC4FBB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11FB047C" w:rsidR="00EC6E6D" w:rsidRPr="00245E8B" w:rsidRDefault="00EC4FBB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331104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14A406C1" w:rsidR="00EC6E6D" w:rsidRPr="00245E8B" w:rsidRDefault="00EC4FBB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40297677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0782C37C" w:rsidR="00EC6E6D" w:rsidRPr="00245E8B" w:rsidRDefault="00EC4FBB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mail@autokc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3E921183" w:rsidR="00EC6E6D" w:rsidRPr="00245E8B" w:rsidRDefault="00EC4FBB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24451840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759A4DBE" w:rsidR="00EC6E6D" w:rsidRPr="00F94A99" w:rsidRDefault="00EC4FBB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Q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Autoværksteder (branchebekendtgørelse)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7A41817F" w:rsidR="004D6D3B" w:rsidRPr="00B93A39" w:rsidRDefault="00EC4FB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  <w:r>
              <w:rPr>
                <w:rFonts w:ascii="Arial" w:hAnsi="Arial" w:cs="Arial"/>
                <w:sz w:val="20"/>
                <w:szCs w:val="20"/>
              </w:rPr>
              <w:t>07-10-2024</w:t>
            </w:r>
          </w:p>
        </w:tc>
        <w:tc>
          <w:tcPr>
            <w:tcW w:w="1134" w:type="dxa"/>
          </w:tcPr>
          <w:p w14:paraId="240C7CBB" w14:textId="3E11E185" w:rsidR="004D6D3B" w:rsidRPr="00B93A39" w:rsidRDefault="00EC4FB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Start w:id="18" w:name="ind_enforce_enforce_date_2"/>
            <w:bookmarkEnd w:id="17"/>
            <w:bookmarkEnd w:id="18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0E19DDC4" w14:textId="4F0572DF" w:rsidR="004D6D3B" w:rsidRPr="00B93A39" w:rsidRDefault="00EC4FB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" w:name="ind_enforce_enforce_date_3"/>
            <w:bookmarkEnd w:id="19"/>
            <w:r>
              <w:rPr>
                <w:rFonts w:ascii="Arial" w:hAnsi="Arial" w:cs="Arial"/>
                <w:sz w:val="20"/>
                <w:szCs w:val="20"/>
              </w:rPr>
              <w:t>Meddel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115D54CA" w14:textId="1F14C0C3" w:rsidR="004D6D3B" w:rsidRPr="00B93A39" w:rsidRDefault="00EC4FB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" w:name="ind_enforce_comments"/>
            <w:bookmarkStart w:id="21" w:name="ind_enforce_enforce_date_4"/>
            <w:bookmarkEnd w:id="20"/>
            <w:bookmarkEnd w:id="21"/>
            <w:r>
              <w:rPr>
                <w:rFonts w:ascii="Arial" w:hAnsi="Arial" w:cs="Arial"/>
                <w:sz w:val="20"/>
                <w:szCs w:val="20"/>
              </w:rPr>
              <w:t>Opbevaringen af olieholdigt affald (spildolietank og olietønder) skal sikres mod spild og udslip til miljø, jord og grundvand</w:t>
            </w:r>
          </w:p>
        </w:tc>
      </w:tr>
      <w:tr w:rsidR="004D6D3B" w:rsidRPr="00F94A99" w14:paraId="465F4E07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1054F08E" w14:textId="7A33B3F4" w:rsidR="004D6D3B" w:rsidRPr="00CE67CB" w:rsidRDefault="00EC4FB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force_enforce_date_5"/>
            <w:bookmarkEnd w:id="22"/>
            <w:r>
              <w:rPr>
                <w:rFonts w:ascii="Arial" w:hAnsi="Arial" w:cs="Arial"/>
                <w:sz w:val="20"/>
                <w:szCs w:val="20"/>
              </w:rPr>
              <w:t>07-10-2024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59D2359" w14:textId="2C8BA3E8" w:rsidR="004D6D3B" w:rsidRPr="00CE67CB" w:rsidRDefault="00EC4FB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23" w:name="ind_enforce_enforce_date_6"/>
            <w:bookmarkEnd w:id="23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1861C3CF" w14:textId="041BD653" w:rsidR="004D6D3B" w:rsidRPr="00CE67CB" w:rsidRDefault="00EC4FB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" w:name="ind_enforce_enforce_date_7"/>
            <w:bookmarkEnd w:id="24"/>
            <w:r>
              <w:rPr>
                <w:rFonts w:ascii="Arial" w:hAnsi="Arial" w:cs="Arial"/>
                <w:sz w:val="20"/>
                <w:szCs w:val="20"/>
              </w:rPr>
              <w:t>Meddelt</w:t>
            </w: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79A191B2" w14:textId="3AF9D5DD" w:rsidR="004D6D3B" w:rsidRPr="00CE67CB" w:rsidRDefault="00EC4FB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" w:name="ind_enforce_enforce_date_8"/>
            <w:bookmarkEnd w:id="25"/>
            <w:r>
              <w:rPr>
                <w:rFonts w:ascii="Arial" w:hAnsi="Arial" w:cs="Arial"/>
                <w:sz w:val="20"/>
                <w:szCs w:val="20"/>
              </w:rPr>
              <w:t>Ved tanken til spildolie blev der konstateret vand på gulvet. Skuret skal sikres mod indtrængning af vand og vejr da dette øger risikoen for uheld og spild</w:t>
            </w:r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125BF34E" w14:textId="77777777" w:rsidR="00EC4FBB" w:rsidRDefault="00EC4FBB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6" w:name="ind_descr_product_descr_process"/>
            <w:bookmarkEnd w:id="26"/>
            <w:r>
              <w:rPr>
                <w:rFonts w:ascii="Arial" w:hAnsi="Arial" w:cs="Arial"/>
                <w:sz w:val="20"/>
                <w:szCs w:val="20"/>
              </w:rPr>
              <w:t>Virksomheden er et autoværksted hvor der udføres reparation af biler og kun i meget ringe grad laves opretnings- og pladearbejde.</w:t>
            </w:r>
          </w:p>
          <w:p w14:paraId="2A2D8C6D" w14:textId="77777777" w:rsidR="00EC4FBB" w:rsidRDefault="00EC4FBB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å samme matrikel er der tankanlæg og vaskehal</w:t>
            </w:r>
          </w:p>
          <w:p w14:paraId="581C62D7" w14:textId="30710957" w:rsidR="00EC6E6D" w:rsidRPr="00B93A39" w:rsidRDefault="00EC4FBB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er i gang med en længerevarende renovering som tages i etaper</w:t>
            </w: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descr_product_product_area"/>
            <w:bookmarkEnd w:id="27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04B6A18A" w:rsidR="00EC6E6D" w:rsidRPr="005D2D5F" w:rsidRDefault="00EC4FBB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" w:name="ind_descr_product_employee_prod"/>
            <w:bookmarkEnd w:id="28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7CE4A2DF" w:rsidR="00EC6E6D" w:rsidRPr="005D2D5F" w:rsidRDefault="00EC4FBB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" w:name="ind_descr_product_operating_time"/>
            <w:bookmarkEnd w:id="29"/>
            <w:r>
              <w:rPr>
                <w:rFonts w:ascii="Arial" w:hAnsi="Arial" w:cs="Arial"/>
                <w:sz w:val="20"/>
                <w:szCs w:val="20"/>
              </w:rPr>
              <w:t>7.30-15.30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" w:name="ind_descr_product_operating_time_sat"/>
            <w:bookmarkEnd w:id="30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" w:name="ind_descr_product_operating_time_sun"/>
            <w:bookmarkEnd w:id="31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" w:name="ind_env_control_code_env_control_name"/>
            <w:bookmarkEnd w:id="32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33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33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7E616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" w:name="ind_air_emis_source_source_idX2"/>
            <w:bookmarkEnd w:id="34"/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106B66A4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34D5A3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79C4355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"/>
            <w:bookmarkEnd w:id="35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540DC128" w:rsidR="00EC6E6D" w:rsidRPr="005D2D5F" w:rsidRDefault="00EC4FBB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36" w:name="ind_energy_types_energy_type_name"/>
            <w:bookmarkEnd w:id="36"/>
            <w:r>
              <w:rPr>
                <w:rFonts w:ascii="Arial" w:hAnsi="Arial" w:cs="Arial"/>
                <w:sz w:val="20"/>
                <w:szCs w:val="20"/>
              </w:rPr>
              <w:t>Fjernvarme</w:t>
            </w:r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3BA559E0" w:rsidR="00EC6E6D" w:rsidRPr="005D2D5F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" w:name="ind_control_items_control_item_name"/>
            <w:bookmarkEnd w:id="37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AA8D2" w14:textId="5175B6EC" w:rsidR="00EC6E6D" w:rsidRPr="005D2D5F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control_items_control_item_name_2"/>
            <w:bookmarkEnd w:id="38"/>
            <w:r>
              <w:rPr>
                <w:rFonts w:ascii="Arial" w:hAnsi="Arial" w:cs="Arial"/>
                <w:sz w:val="20"/>
                <w:szCs w:val="20"/>
              </w:rPr>
              <w:t xml:space="preserve">Der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var  ingen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lugtgene ved tilsynet. </w:t>
            </w:r>
          </w:p>
        </w:tc>
      </w:tr>
      <w:tr w:rsidR="00EC4FBB" w:rsidRPr="005D2D5F" w14:paraId="4B60E386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4031B88" w14:textId="5F056A76" w:rsidR="00EC4FBB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" w:name="ind_control_items_control_item_name_3"/>
            <w:bookmarkEnd w:id="39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6440AD9" w14:textId="6DD22873" w:rsidR="00EC4FBB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control_items_control_item_name_4"/>
            <w:bookmarkEnd w:id="40"/>
            <w:r>
              <w:rPr>
                <w:rFonts w:ascii="Arial" w:hAnsi="Arial" w:cs="Arial"/>
                <w:sz w:val="20"/>
                <w:szCs w:val="20"/>
              </w:rPr>
              <w:t xml:space="preserve">Der er afkast fra svejserøg og udstødningsgas. Begge afkast er før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4 m over tag. </w:t>
            </w:r>
          </w:p>
        </w:tc>
      </w:tr>
      <w:tr w:rsidR="00EC4FBB" w:rsidRPr="005D2D5F" w14:paraId="4E94DCA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02F1982" w14:textId="3FE106FF" w:rsidR="00EC4FBB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control_items_control_item_name_5"/>
            <w:bookmarkEnd w:id="41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9F246DA" w14:textId="36D63DCD" w:rsidR="00EC4FBB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2" w:name="ind_control_items_control_item_name_6"/>
            <w:bookmarkEnd w:id="42"/>
            <w:r>
              <w:rPr>
                <w:rFonts w:ascii="Arial" w:hAnsi="Arial" w:cs="Arial"/>
                <w:sz w:val="20"/>
                <w:szCs w:val="20"/>
              </w:rPr>
              <w:t xml:space="preserve">Der er ingen filtre på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udsugningsandlæ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43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43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ABC8A5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4" w:name="ind_noise_noise_id"/>
            <w:bookmarkEnd w:id="44"/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E13DF9C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2EB7F3A6" w:rsidR="00EC6E6D" w:rsidRPr="005D2D5F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control_items_control_item_nameX2"/>
            <w:bookmarkEnd w:id="45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8F8D3FA" w14:textId="77777777" w:rsidR="00EC4FBB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control_items_control_item_nameX2_2"/>
            <w:bookmarkEnd w:id="46"/>
            <w:r>
              <w:rPr>
                <w:rFonts w:ascii="Arial" w:hAnsi="Arial" w:cs="Arial"/>
                <w:sz w:val="20"/>
                <w:szCs w:val="20"/>
              </w:rPr>
              <w:t xml:space="preserve">Det var ingen aktivitet ved virksomheden ved tilsynet. </w:t>
            </w:r>
          </w:p>
          <w:p w14:paraId="1E9CFE0F" w14:textId="5CE909CA" w:rsidR="00EC6E6D" w:rsidRPr="005D2D5F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Port i værkstedet vender mo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arkeringspla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Nærmeste bolig på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den andre siden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av vej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50 m fra port. og det kan derfor ikke gøres nogen helt konkret vurdering av støj. </w:t>
            </w:r>
          </w:p>
        </w:tc>
      </w:tr>
      <w:tr w:rsidR="00EC4FBB" w:rsidRPr="005D2D5F" w14:paraId="13B901B7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2A4EB0B" w14:textId="3B837D55" w:rsidR="00EC4FBB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X2_3"/>
            <w:bookmarkEnd w:id="47"/>
            <w:r>
              <w:rPr>
                <w:rFonts w:ascii="Arial" w:hAnsi="Arial" w:cs="Arial"/>
                <w:sz w:val="20"/>
                <w:szCs w:val="20"/>
              </w:rPr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BD9F5D7" w14:textId="77777777" w:rsidR="00EC4FBB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X2_4"/>
            <w:bookmarkEnd w:id="48"/>
          </w:p>
        </w:tc>
      </w:tr>
      <w:tr w:rsidR="00EC4FBB" w:rsidRPr="005D2D5F" w14:paraId="135FDE5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3CAA566" w14:textId="5FE20CF1" w:rsidR="00EC4FBB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X2_5"/>
            <w:bookmarkEnd w:id="49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0381A90" w14:textId="7E17691E" w:rsidR="00EC4FBB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X2_6"/>
            <w:bookmarkEnd w:id="50"/>
            <w:r>
              <w:rPr>
                <w:rFonts w:ascii="Arial" w:hAnsi="Arial" w:cs="Arial"/>
                <w:sz w:val="20"/>
                <w:szCs w:val="20"/>
              </w:rPr>
              <w:t xml:space="preserve">Der er placeret en kompressor udendørs i isoleret kasse. Det vurderes at kompressoren ikke giver anledning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tøyproblem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1" w:name="ind_w_water_amount_permission_id"/>
            <w:bookmarkEnd w:id="51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63288F7E" w:rsidR="00EC6E6D" w:rsidRPr="005D2D5F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2" w:name="ind_control_items_control_item_nameX3"/>
            <w:bookmarkEnd w:id="52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7921269" w14:textId="2615CEAF" w:rsidR="00EC6E6D" w:rsidRPr="005D2D5F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X3_2"/>
            <w:bookmarkEnd w:id="53"/>
            <w:r>
              <w:rPr>
                <w:rFonts w:ascii="Arial" w:hAnsi="Arial" w:cs="Arial"/>
                <w:sz w:val="20"/>
                <w:szCs w:val="20"/>
              </w:rPr>
              <w:t xml:space="preserve">Der er spildevand fra sanitet og afløb i værksted. Spildevand fra afløb 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ærkstedet ledes gennem olie- og benzinudskiller som e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elle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med vaskehal. </w:t>
            </w:r>
          </w:p>
        </w:tc>
      </w:tr>
      <w:tr w:rsidR="00EC4FBB" w:rsidRPr="005D2D5F" w14:paraId="2257C450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0016373" w14:textId="1C12E7B0" w:rsidR="00EC4FBB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X3_3"/>
            <w:bookmarkEnd w:id="54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05119CD" w14:textId="1C4F0E60" w:rsidR="00EC4FBB" w:rsidRDefault="00EC4FBB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control_items_control_item_nameX3_4"/>
            <w:bookmarkEnd w:id="55"/>
            <w:r>
              <w:rPr>
                <w:rFonts w:ascii="Arial" w:hAnsi="Arial" w:cs="Arial"/>
                <w:sz w:val="20"/>
                <w:szCs w:val="20"/>
              </w:rPr>
              <w:t>Kan sløjfes?</w:t>
            </w: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56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56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7" w:name="ind_w_water_amount_idX2"/>
            <w:bookmarkEnd w:id="57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1FE73EA3" w:rsidR="00EC6E6D" w:rsidRPr="00B93A39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control_items_control_item_nameX4"/>
            <w:bookmarkEnd w:id="58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257BEDD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9" w:name="ind_control_items_control_item_nameX4_2"/>
            <w:bookmarkEnd w:id="59"/>
            <w:r>
              <w:rPr>
                <w:rFonts w:ascii="Arial" w:hAnsi="Arial" w:cs="Arial"/>
                <w:sz w:val="20"/>
                <w:szCs w:val="20"/>
              </w:rPr>
              <w:t>Der er en olie- og benzinudskiller som spildevandet fra benzinanlæggets tankplads ledes til (benzinanlægget er en selvstændig virksomhed som ejes af Uno X) hertil ledes også vandet fra gulvafløb i værkstedet.</w:t>
            </w:r>
          </w:p>
          <w:p w14:paraId="2B95F880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en olie- og benzinudskiller hvortil spildevand fra vaskehallen ledes</w:t>
            </w:r>
          </w:p>
          <w:p w14:paraId="749EB977" w14:textId="28750037" w:rsidR="00EC6E6D" w:rsidRPr="00B93A39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4FBB" w:rsidRPr="00F94A99" w14:paraId="3C90FB87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A32CDF3" w14:textId="210E3B31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0" w:name="ind_control_items_control_item_nameX4_3"/>
            <w:bookmarkEnd w:id="60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9DBB800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1" w:name="ind_control_items_control_item_nameX4_4"/>
            <w:bookmarkEnd w:id="61"/>
            <w:r>
              <w:rPr>
                <w:rFonts w:ascii="Arial" w:hAnsi="Arial" w:cs="Arial"/>
                <w:sz w:val="20"/>
                <w:szCs w:val="20"/>
              </w:rPr>
              <w:t xml:space="preserve">Olie- og benzinudskillerne tilses og tømmes af S.P. Jensen efter behov, dog mindst en gang om året. Sandfang tømmes af S.P. Jensen. det vises til indregistrerede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data  i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ffaldssdatabas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 (ADS).</w:t>
            </w:r>
          </w:p>
          <w:p w14:paraId="5A1396E7" w14:textId="3A0195C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62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62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3" w:name="ind_tank_ind_tank_id"/>
            <w:bookmarkEnd w:id="63"/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B37E61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</w:tcPr>
          <w:p w14:paraId="3A81F9A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</w:tcPr>
          <w:p w14:paraId="2752A56D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</w:tcPr>
          <w:p w14:paraId="28A11DD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8019EE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EC4FBB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DDE239" w14:textId="1D8E6377" w:rsidR="009750F4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4" w:name="bbr_tech_inst_land_parcel_id"/>
            <w:bookmarkEnd w:id="64"/>
            <w:r>
              <w:rPr>
                <w:rFonts w:ascii="Arial" w:hAnsi="Arial" w:cs="Arial"/>
                <w:sz w:val="20"/>
                <w:szCs w:val="20"/>
              </w:rPr>
              <w:t>12n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23C58EF" w14:textId="7A8AA072" w:rsidR="009750F4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5" w:name="bbr_tech_inst_land_parcel_id_2"/>
            <w:bookmarkEnd w:id="65"/>
            <w:r>
              <w:rPr>
                <w:rFonts w:ascii="Arial" w:hAnsi="Arial" w:cs="Arial"/>
                <w:sz w:val="20"/>
                <w:szCs w:val="20"/>
              </w:rPr>
              <w:t>1976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02C9374" w14:textId="333A3BE9" w:rsidR="009750F4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6" w:name="bbr_tech_inst_land_parcel_id_3"/>
            <w:bookmarkEnd w:id="66"/>
            <w:r>
              <w:rPr>
                <w:rFonts w:ascii="Arial" w:hAnsi="Arial" w:cs="Arial"/>
                <w:sz w:val="20"/>
                <w:szCs w:val="20"/>
              </w:rPr>
              <w:t>3431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219FAE" w14:textId="5C193548" w:rsidR="009750F4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7" w:name="bbr_tech_inst_land_parcel_id_4"/>
            <w:bookmarkEnd w:id="67"/>
            <w:r>
              <w:rPr>
                <w:rFonts w:ascii="Arial" w:hAnsi="Arial" w:cs="Arial"/>
                <w:sz w:val="20"/>
                <w:szCs w:val="20"/>
              </w:rPr>
              <w:t>1976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F7CE8C" w14:textId="4E1DEA9D" w:rsidR="009750F4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8" w:name="bbr_tech_inst_land_parcel_id_5"/>
            <w:bookmarkEnd w:id="68"/>
            <w:r>
              <w:rPr>
                <w:rFonts w:ascii="Arial" w:hAnsi="Arial" w:cs="Arial"/>
                <w:sz w:val="20"/>
                <w:szCs w:val="20"/>
              </w:rPr>
              <w:t>Benzin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BB9FC2" w14:textId="6CBE729B" w:rsidR="009750F4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9" w:name="bbr_tech_inst_land_parcel_id_6"/>
            <w:bookmarkEnd w:id="69"/>
            <w:r>
              <w:rPr>
                <w:rFonts w:ascii="Arial" w:hAnsi="Arial" w:cs="Arial"/>
                <w:sz w:val="20"/>
                <w:szCs w:val="20"/>
              </w:rPr>
              <w:t>10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2ECB995" w14:textId="613FA1E3" w:rsidR="009750F4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0" w:name="bbr_tech_inst_land_parcel_id_7"/>
            <w:bookmarkEnd w:id="70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1" w:name="bbr_tech_inst_land_parcel_id_8"/>
            <w:bookmarkEnd w:id="7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7536AB7D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2" w:name="bbr_tech_inst_land_parcel_id_9"/>
            <w:bookmarkEnd w:id="72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D5DDBF6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3" w:name="bbr_tech_inst_land_parcel_id_10"/>
            <w:bookmarkEnd w:id="73"/>
          </w:p>
        </w:tc>
      </w:tr>
      <w:tr w:rsidR="00EC4FBB" w:rsidRPr="00A1310D" w14:paraId="68B0A0BA" w14:textId="77777777" w:rsidTr="00EC4FBB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F66452E" w14:textId="5B12FE7F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4" w:name="bbr_tech_inst_land_parcel_id_11"/>
            <w:bookmarkEnd w:id="74"/>
            <w:r>
              <w:rPr>
                <w:rFonts w:ascii="Arial" w:hAnsi="Arial" w:cs="Arial"/>
                <w:sz w:val="20"/>
                <w:szCs w:val="20"/>
              </w:rPr>
              <w:t>12n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0178D16D" w14:textId="02BA42CE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5" w:name="bbr_tech_inst_land_parcel_id_12"/>
            <w:bookmarkEnd w:id="75"/>
            <w:r>
              <w:rPr>
                <w:rFonts w:ascii="Arial" w:hAnsi="Arial" w:cs="Arial"/>
                <w:sz w:val="20"/>
                <w:szCs w:val="20"/>
              </w:rPr>
              <w:t>1989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0702AA" w14:textId="3EA18532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6" w:name="bbr_tech_inst_land_parcel_id_13"/>
            <w:bookmarkEnd w:id="76"/>
            <w:r>
              <w:rPr>
                <w:rFonts w:ascii="Arial" w:hAnsi="Arial" w:cs="Arial"/>
                <w:sz w:val="20"/>
                <w:szCs w:val="20"/>
              </w:rPr>
              <w:t>?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EFDF2DA" w14:textId="557F9706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7" w:name="bbr_tech_inst_land_parcel_id_14"/>
            <w:bookmarkEnd w:id="77"/>
            <w:r>
              <w:rPr>
                <w:rFonts w:ascii="Arial" w:hAnsi="Arial" w:cs="Arial"/>
                <w:sz w:val="20"/>
                <w:szCs w:val="20"/>
              </w:rPr>
              <w:t>1989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F5A51ED" w14:textId="1AD19314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8" w:name="bbr_tech_inst_land_parcel_id_15"/>
            <w:bookmarkEnd w:id="78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705C030" w14:textId="75042E32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9" w:name="bbr_tech_inst_land_parcel_id_16"/>
            <w:bookmarkEnd w:id="79"/>
            <w:r>
              <w:rPr>
                <w:rFonts w:ascii="Arial" w:hAnsi="Arial" w:cs="Arial"/>
                <w:sz w:val="20"/>
                <w:szCs w:val="20"/>
              </w:rPr>
              <w:t>20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2AAAD62" w14:textId="3C6D1C64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0" w:name="bbr_tech_inst_land_parcel_id_17"/>
            <w:bookmarkEnd w:id="80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68CA4810" w14:textId="77777777" w:rsidR="00EC4FBB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1" w:name="bbr_tech_inst_land_parcel_id_18"/>
            <w:bookmarkEnd w:id="8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333B8840" w14:textId="77777777" w:rsidR="00EC4FBB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2" w:name="bbr_tech_inst_land_parcel_id_19"/>
            <w:bookmarkEnd w:id="82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DE6C217" w14:textId="77777777" w:rsidR="00EC4FBB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3" w:name="bbr_tech_inst_land_parcel_id_20"/>
            <w:bookmarkEnd w:id="83"/>
          </w:p>
        </w:tc>
      </w:tr>
      <w:tr w:rsidR="00EC4FBB" w:rsidRPr="00A1310D" w14:paraId="3897A6FF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442AB6B6" w14:textId="2CEE5E24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4" w:name="bbr_tech_inst_land_parcel_id_21"/>
            <w:bookmarkEnd w:id="84"/>
            <w:r>
              <w:rPr>
                <w:rFonts w:ascii="Arial" w:hAnsi="Arial" w:cs="Arial"/>
                <w:sz w:val="20"/>
                <w:szCs w:val="20"/>
              </w:rPr>
              <w:t>12n</w:t>
            </w:r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35B02AB3" w14:textId="4F9E509C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5" w:name="bbr_tech_inst_land_parcel_id_22"/>
            <w:bookmarkEnd w:id="85"/>
            <w:r>
              <w:rPr>
                <w:rFonts w:ascii="Arial" w:hAnsi="Arial" w:cs="Arial"/>
                <w:sz w:val="20"/>
                <w:szCs w:val="20"/>
              </w:rPr>
              <w:t>1981</w:t>
            </w: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4262F2EA" w14:textId="07876018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6" w:name="bbr_tech_inst_land_parcel_id_23"/>
            <w:bookmarkEnd w:id="86"/>
            <w:r>
              <w:rPr>
                <w:rFonts w:ascii="Arial" w:hAnsi="Arial" w:cs="Arial"/>
                <w:sz w:val="20"/>
                <w:szCs w:val="20"/>
              </w:rPr>
              <w:t>281462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690DC556" w14:textId="6F7E3003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7" w:name="bbr_tech_inst_land_parcel_id_24"/>
            <w:bookmarkEnd w:id="87"/>
            <w:r>
              <w:rPr>
                <w:rFonts w:ascii="Arial" w:hAnsi="Arial" w:cs="Arial"/>
                <w:sz w:val="20"/>
                <w:szCs w:val="20"/>
              </w:rPr>
              <w:t>1981</w:t>
            </w: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50585546" w14:textId="5704E53D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8" w:name="bbr_tech_inst_land_parcel_id_25"/>
            <w:bookmarkEnd w:id="88"/>
            <w:r>
              <w:rPr>
                <w:rFonts w:ascii="Arial" w:hAnsi="Arial" w:cs="Arial"/>
                <w:sz w:val="20"/>
                <w:szCs w:val="20"/>
              </w:rPr>
              <w:t>Benzin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67CC40E2" w14:textId="71DB42A1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9" w:name="bbr_tech_inst_land_parcel_id_26"/>
            <w:bookmarkEnd w:id="89"/>
            <w:r>
              <w:rPr>
                <w:rFonts w:ascii="Arial" w:hAnsi="Arial" w:cs="Arial"/>
                <w:sz w:val="20"/>
                <w:szCs w:val="20"/>
              </w:rPr>
              <w:t>15.000</w:t>
            </w: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21E211DE" w14:textId="039802CB" w:rsidR="00EC4FBB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0" w:name="bbr_tech_inst_land_parcel_id_27"/>
            <w:bookmarkEnd w:id="90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78D43D79" w14:textId="77777777" w:rsidR="00EC4FBB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1" w:name="bbr_tech_inst_land_parcel_id_28"/>
            <w:bookmarkEnd w:id="91"/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01474445" w14:textId="77777777" w:rsidR="00EC4FBB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2" w:name="bbr_tech_inst_land_parcel_id_29"/>
            <w:bookmarkEnd w:id="92"/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2612C18B" w14:textId="77777777" w:rsidR="00EC4FBB" w:rsidRPr="00A1310D" w:rsidRDefault="00EC4FB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B09B74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3" w:name="ind_control_items_control_item_nameX5"/>
            <w:bookmarkEnd w:id="93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EC8780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94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94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6AE01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rawmat_types_rawmat_name"/>
            <w:bookmarkEnd w:id="95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A4F6C8D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044AFE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3BDD01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3E49F5A" w14:textId="77777777" w:rsidR="00EC6E6D" w:rsidRPr="00245E8B" w:rsidRDefault="00EC6E6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7F5A72" w14:textId="2D2EC77F" w:rsidR="00EC6E6D" w:rsidRPr="00245E8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6" w:name="ind_control_items_control_item_nameX6"/>
            <w:bookmarkEnd w:id="96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BDB3D7" w14:textId="76A81166" w:rsidR="00EC6E6D" w:rsidRPr="00245E8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7" w:name="ind_control_items_control_item_nameX6_2"/>
            <w:bookmarkEnd w:id="97"/>
            <w:r>
              <w:rPr>
                <w:rFonts w:ascii="Arial" w:hAnsi="Arial" w:cs="Arial"/>
                <w:sz w:val="20"/>
                <w:szCs w:val="20"/>
              </w:rPr>
              <w:t>Af råvarer er der vaskeprodukter til vaskemaskinen i vaskehallen, samt diverse væsker og olieprodukter. Råvarerne blev opbevaret på tilfredsstillende måde.</w:t>
            </w:r>
          </w:p>
        </w:tc>
      </w:tr>
      <w:tr w:rsidR="00EC4FBB" w:rsidRPr="00245E8B" w14:paraId="3799A349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6F9E19C" w14:textId="1C1A028F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8" w:name="ind_control_items_control_item_nameX6_3"/>
            <w:bookmarkEnd w:id="98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D4B285C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9" w:name="ind_control_items_control_item_nameX6_4"/>
            <w:bookmarkEnd w:id="99"/>
            <w:r>
              <w:rPr>
                <w:rFonts w:ascii="Arial" w:hAnsi="Arial" w:cs="Arial"/>
                <w:sz w:val="20"/>
                <w:szCs w:val="20"/>
              </w:rPr>
              <w:t>Der er ikke ud over motorolie nogen nævneværdige råvarer på lager</w:t>
            </w:r>
          </w:p>
          <w:p w14:paraId="0B50D8CB" w14:textId="2CE0F60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EC4FBB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4F559A" w14:textId="11EC90ED" w:rsidR="00EC6E6D" w:rsidRPr="00245E8B" w:rsidRDefault="00EC4FBB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0" w:name="wst_fraction_1_fraction_1_nameX2"/>
            <w:bookmarkEnd w:id="100"/>
            <w:r>
              <w:rPr>
                <w:rFonts w:ascii="Arial" w:hAnsi="Arial" w:cs="Arial"/>
                <w:sz w:val="20"/>
                <w:szCs w:val="20"/>
              </w:rPr>
              <w:t>Dæk</w:t>
            </w:r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B08660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1" w:name="wst_fraction_1_fraction_1_nameX2_2"/>
            <w:bookmarkEnd w:id="101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1FF67A" w14:textId="77777777"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2" w:name="wst_fraction_1_fraction_1_nameX2_3"/>
            <w:bookmarkEnd w:id="102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3F8BD9" w14:textId="3B809210" w:rsidR="00EC6E6D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03" w:name="wst_fraction_1_fraction_1_nameX2_4"/>
            <w:bookmarkEnd w:id="103"/>
            <w:r>
              <w:rPr>
                <w:rFonts w:ascii="Arial" w:hAnsi="Arial" w:cs="Arial"/>
                <w:sz w:val="20"/>
                <w:szCs w:val="20"/>
              </w:rPr>
              <w:t>Ingen 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4" w:name="wst_fraction_1_fraction_1_nameX2_5"/>
            <w:bookmarkEnd w:id="10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CDF903" w14:textId="4E7051F8" w:rsidR="00EC6E6D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05" w:name="wst_fraction_1_fraction_1_nameX2_6"/>
            <w:bookmarkEnd w:id="105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D6A408" w14:textId="46056EFC" w:rsidR="00EC6E6D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06" w:name="wst_fraction_1_fraction_1_nameX2_7"/>
            <w:bookmarkEnd w:id="106"/>
            <w:proofErr w:type="spellStart"/>
            <w:r>
              <w:rPr>
                <w:rFonts w:ascii="Arial" w:hAnsi="Arial" w:cs="Arial"/>
                <w:sz w:val="20"/>
                <w:szCs w:val="20"/>
              </w:rPr>
              <w:t>Øksenda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Dæk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5FACBC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07" w:name="wst_fraction_1_fraction_1_nameX2_8"/>
            <w:bookmarkEnd w:id="10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08" w:name="wst_fraction_1_fraction_1_nameX2_9"/>
            <w:bookmarkEnd w:id="108"/>
          </w:p>
        </w:tc>
      </w:tr>
      <w:tr w:rsidR="00EC4FBB" w:rsidRPr="00245E8B" w14:paraId="0FCE8B78" w14:textId="77777777" w:rsidTr="00EC4FBB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AC26FB5" w14:textId="01C92B3A" w:rsidR="00EC4FBB" w:rsidRDefault="00EC4FBB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9" w:name="wst_fraction_1_fraction_1_nameX2_10"/>
            <w:bookmarkEnd w:id="109"/>
            <w:r>
              <w:rPr>
                <w:rFonts w:ascii="Arial" w:hAnsi="Arial" w:cs="Arial"/>
                <w:sz w:val="20"/>
                <w:szCs w:val="20"/>
              </w:rPr>
              <w:t>Frostsikringsvæsk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4430A6" w14:textId="77777777" w:rsidR="00EC4FBB" w:rsidRPr="00245E8B" w:rsidRDefault="00EC4FBB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0" w:name="wst_fraction_1_fraction_1_nameX2_11"/>
            <w:bookmarkEnd w:id="110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30B0521" w14:textId="77777777" w:rsidR="00EC4FBB" w:rsidRPr="00245E8B" w:rsidRDefault="00EC4FBB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1" w:name="wst_fraction_1_fraction_1_nameX2_12"/>
            <w:bookmarkEnd w:id="111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8D09F00" w14:textId="1D8BFF21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2" w:name="wst_fraction_1_fraction_1_nameX2_13"/>
            <w:bookmarkEnd w:id="112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70AD53" w14:textId="77777777" w:rsidR="00EC4FBB" w:rsidRPr="00245E8B" w:rsidRDefault="00EC4FBB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3" w:name="wst_fraction_1_fraction_1_nameX2_14"/>
            <w:bookmarkEnd w:id="11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B61953" w14:textId="1EC74B2B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4" w:name="wst_fraction_1_fraction_1_nameX2_15"/>
            <w:bookmarkEnd w:id="114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F66CA1" w14:textId="5E9B613F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5" w:name="wst_fraction_1_fraction_1_nameX2_16"/>
            <w:bookmarkEnd w:id="115"/>
            <w:r>
              <w:rPr>
                <w:rFonts w:ascii="Arial" w:hAnsi="Arial" w:cs="Arial"/>
                <w:sz w:val="20"/>
                <w:szCs w:val="20"/>
              </w:rPr>
              <w:t>ABAS Miljøservice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FB23069" w14:textId="77777777" w:rsidR="00EC4FBB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6" w:name="wst_fraction_1_fraction_1_nameX2_17"/>
            <w:bookmarkEnd w:id="116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1F7F068" w14:textId="77777777" w:rsidR="00EC4FBB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7" w:name="wst_fraction_1_fraction_1_nameX2_18"/>
            <w:bookmarkEnd w:id="117"/>
          </w:p>
        </w:tc>
      </w:tr>
      <w:tr w:rsidR="00EC4FBB" w:rsidRPr="00245E8B" w14:paraId="7D7BB1BA" w14:textId="77777777" w:rsidTr="00EC4FBB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69EBDBB" w14:textId="0D5E2236" w:rsidR="00EC4FBB" w:rsidRDefault="00EC4FBB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8" w:name="wst_fraction_1_fraction_1_nameX2_19"/>
            <w:bookmarkEnd w:id="118"/>
            <w:r>
              <w:rPr>
                <w:rFonts w:ascii="Arial" w:hAnsi="Arial" w:cs="Arial"/>
                <w:sz w:val="20"/>
                <w:szCs w:val="20"/>
              </w:rPr>
              <w:t>Metalaffal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2E16DCD" w14:textId="77777777" w:rsidR="00EC4FBB" w:rsidRPr="00245E8B" w:rsidRDefault="00EC4FBB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9" w:name="wst_fraction_1_fraction_1_nameX2_20"/>
            <w:bookmarkEnd w:id="119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3E142A" w14:textId="77777777" w:rsidR="00EC4FBB" w:rsidRPr="00245E8B" w:rsidRDefault="00EC4FBB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0" w:name="wst_fraction_1_fraction_1_nameX2_21"/>
            <w:bookmarkEnd w:id="120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19835B3" w14:textId="6F532BFC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1" w:name="wst_fraction_1_fraction_1_nameX2_22"/>
            <w:bookmarkEnd w:id="121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750CE78" w14:textId="77777777" w:rsidR="00EC4FBB" w:rsidRPr="00245E8B" w:rsidRDefault="00EC4FBB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2" w:name="wst_fraction_1_fraction_1_nameX2_23"/>
            <w:bookmarkEnd w:id="122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0DC583" w14:textId="64CB4F7E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3" w:name="wst_fraction_1_fraction_1_nameX2_24"/>
            <w:bookmarkEnd w:id="123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5EE5FF" w14:textId="66B572CE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4" w:name="wst_fraction_1_fraction_1_nameX2_25"/>
            <w:bookmarkEnd w:id="124"/>
            <w:r>
              <w:rPr>
                <w:rFonts w:ascii="Arial" w:hAnsi="Arial" w:cs="Arial"/>
                <w:sz w:val="20"/>
                <w:szCs w:val="20"/>
              </w:rPr>
              <w:t>STUBBERUP HYDRAULIC Ap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4AA0BFB" w14:textId="77777777" w:rsidR="00EC4FBB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5" w:name="wst_fraction_1_fraction_1_nameX2_26"/>
            <w:bookmarkEnd w:id="12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A9A5355" w14:textId="77777777" w:rsidR="00EC4FBB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6" w:name="wst_fraction_1_fraction_1_nameX2_27"/>
            <w:bookmarkEnd w:id="126"/>
          </w:p>
        </w:tc>
      </w:tr>
      <w:tr w:rsidR="00EC4FBB" w:rsidRPr="00245E8B" w14:paraId="588EEDFF" w14:textId="77777777" w:rsidTr="00EC4FBB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0802894" w14:textId="7E4D33F6" w:rsidR="00EC4FBB" w:rsidRDefault="00EC4FBB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7" w:name="wst_fraction_1_fraction_1_nameX2_28"/>
            <w:bookmarkEnd w:id="127"/>
            <w:r>
              <w:rPr>
                <w:rFonts w:ascii="Arial" w:hAnsi="Arial" w:cs="Arial"/>
                <w:sz w:val="20"/>
                <w:szCs w:val="20"/>
              </w:rPr>
              <w:t>Oliefiltr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FA170CF" w14:textId="77777777" w:rsidR="00EC4FBB" w:rsidRPr="00245E8B" w:rsidRDefault="00EC4FBB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8" w:name="wst_fraction_1_fraction_1_nameX2_29"/>
            <w:bookmarkEnd w:id="128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F719422" w14:textId="77777777" w:rsidR="00EC4FBB" w:rsidRPr="00245E8B" w:rsidRDefault="00EC4FBB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9" w:name="wst_fraction_1_fraction_1_nameX2_30"/>
            <w:bookmarkEnd w:id="129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34CBB83" w14:textId="72CF6CE2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0" w:name="wst_fraction_1_fraction_1_nameX2_31"/>
            <w:bookmarkEnd w:id="130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1C25E4B" w14:textId="77777777" w:rsidR="00EC4FBB" w:rsidRPr="00245E8B" w:rsidRDefault="00EC4FBB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1" w:name="wst_fraction_1_fraction_1_nameX2_32"/>
            <w:bookmarkEnd w:id="131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8A82496" w14:textId="1A911882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2" w:name="wst_fraction_1_fraction_1_nameX2_33"/>
            <w:bookmarkEnd w:id="132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59050F5" w14:textId="4B65F730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3" w:name="wst_fraction_1_fraction_1_nameX2_34"/>
            <w:bookmarkEnd w:id="133"/>
            <w:r>
              <w:rPr>
                <w:rFonts w:ascii="Arial" w:hAnsi="Arial" w:cs="Arial"/>
                <w:sz w:val="20"/>
                <w:szCs w:val="20"/>
              </w:rPr>
              <w:t>ABAS Miljøservice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7E7EE7" w14:textId="77777777" w:rsidR="00EC4FBB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4" w:name="wst_fraction_1_fraction_1_nameX2_35"/>
            <w:bookmarkEnd w:id="134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BD72ABB" w14:textId="77777777" w:rsidR="00EC4FBB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5" w:name="wst_fraction_1_fraction_1_nameX2_36"/>
            <w:bookmarkEnd w:id="135"/>
          </w:p>
        </w:tc>
      </w:tr>
      <w:tr w:rsidR="00EC4FBB" w:rsidRPr="00245E8B" w14:paraId="3111A195" w14:textId="77777777" w:rsidTr="00EC4FBB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7ADF2C0" w14:textId="0C709C83" w:rsidR="00EC4FBB" w:rsidRDefault="00EC4FBB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6" w:name="wst_fraction_1_fraction_1_nameX2_37"/>
            <w:bookmarkEnd w:id="136"/>
            <w:r>
              <w:rPr>
                <w:rFonts w:ascii="Arial" w:hAnsi="Arial" w:cs="Arial"/>
                <w:sz w:val="20"/>
                <w:szCs w:val="20"/>
              </w:rPr>
              <w:lastRenderedPageBreak/>
              <w:t>Restaffal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746AEFB" w14:textId="77777777" w:rsidR="00EC4FBB" w:rsidRPr="00245E8B" w:rsidRDefault="00EC4FBB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7" w:name="wst_fraction_1_fraction_1_nameX2_38"/>
            <w:bookmarkEnd w:id="137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B396FF" w14:textId="77777777" w:rsidR="00EC4FBB" w:rsidRPr="00245E8B" w:rsidRDefault="00EC4FBB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8" w:name="wst_fraction_1_fraction_1_nameX2_39"/>
            <w:bookmarkEnd w:id="138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DB476E0" w14:textId="5730F6B9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9" w:name="wst_fraction_1_fraction_1_nameX2_40"/>
            <w:bookmarkEnd w:id="139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F4138BB" w14:textId="77777777" w:rsidR="00EC4FBB" w:rsidRPr="00245E8B" w:rsidRDefault="00EC4FBB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0" w:name="wst_fraction_1_fraction_1_nameX2_41"/>
            <w:bookmarkEnd w:id="140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42A311B" w14:textId="0C760CB3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1" w:name="wst_fraction_1_fraction_1_nameX2_42"/>
            <w:bookmarkEnd w:id="141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1AAA41D" w14:textId="27D1DB50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2" w:name="wst_fraction_1_fraction_1_nameX2_43"/>
            <w:bookmarkEnd w:id="142"/>
            <w:r>
              <w:rPr>
                <w:rFonts w:ascii="Arial" w:hAnsi="Arial" w:cs="Arial"/>
                <w:sz w:val="20"/>
                <w:szCs w:val="20"/>
              </w:rPr>
              <w:t>ABAS Miljøservice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A66B510" w14:textId="77777777" w:rsidR="00EC4FBB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3" w:name="wst_fraction_1_fraction_1_nameX2_44"/>
            <w:bookmarkEnd w:id="14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13D206C" w14:textId="77777777" w:rsidR="00EC4FBB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4" w:name="wst_fraction_1_fraction_1_nameX2_45"/>
            <w:bookmarkEnd w:id="144"/>
          </w:p>
        </w:tc>
      </w:tr>
      <w:tr w:rsidR="00EC4FBB" w:rsidRPr="00245E8B" w14:paraId="387A9206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F5C945B" w14:textId="5140D39C" w:rsidR="00EC4FBB" w:rsidRDefault="00EC4FBB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5" w:name="wst_fraction_1_fraction_1_nameX2_46"/>
            <w:bookmarkEnd w:id="145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DB46BE8" w14:textId="77777777" w:rsidR="00EC4FBB" w:rsidRPr="00245E8B" w:rsidRDefault="00EC4FBB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6" w:name="wst_fraction_1_fraction_1_nameX2_47"/>
            <w:bookmarkEnd w:id="146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D9C7F12" w14:textId="77777777" w:rsidR="00EC4FBB" w:rsidRPr="00245E8B" w:rsidRDefault="00EC4FBB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7" w:name="wst_fraction_1_fraction_1_nameX2_48"/>
            <w:bookmarkEnd w:id="147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C39C93" w14:textId="3F02E2EF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8" w:name="wst_fraction_1_fraction_1_nameX2_49"/>
            <w:bookmarkEnd w:id="148"/>
            <w:r>
              <w:rPr>
                <w:rFonts w:ascii="Arial" w:hAnsi="Arial" w:cs="Arial"/>
                <w:sz w:val="20"/>
                <w:szCs w:val="20"/>
              </w:rPr>
              <w:t>Olietank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65A6E5F" w14:textId="77777777" w:rsidR="00EC4FBB" w:rsidRPr="00245E8B" w:rsidRDefault="00EC4FBB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9" w:name="wst_fraction_1_fraction_1_nameX2_50"/>
            <w:bookmarkEnd w:id="149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6490A7B" w14:textId="6CC8CDCD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0" w:name="wst_fraction_1_fraction_1_nameX2_51"/>
            <w:bookmarkEnd w:id="150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B23CD9B" w14:textId="6E8C2FA6" w:rsidR="00EC4FB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1" w:name="wst_fraction_1_fraction_1_nameX2_52"/>
            <w:bookmarkEnd w:id="151"/>
            <w:r>
              <w:rPr>
                <w:rFonts w:ascii="Arial" w:hAnsi="Arial" w:cs="Arial"/>
                <w:sz w:val="20"/>
                <w:szCs w:val="20"/>
              </w:rPr>
              <w:t>ABAS Miljøservice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7935A45" w14:textId="77777777" w:rsidR="00EC4FBB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2" w:name="wst_fraction_1_fraction_1_nameX2_53"/>
            <w:bookmarkEnd w:id="152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6AFAF449" w14:textId="77777777" w:rsidR="00EC4FBB" w:rsidRPr="00245E8B" w:rsidRDefault="00EC4FBB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575825A4" w:rsidR="00EC6E6D" w:rsidRPr="00245E8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3" w:name="ind_control_items_control_item_nameX7"/>
            <w:bookmarkEnd w:id="153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4" w:name="ind_control_items_control_item_nameX7_2"/>
            <w:bookmarkEnd w:id="154"/>
          </w:p>
        </w:tc>
      </w:tr>
      <w:tr w:rsidR="00EC4FBB" w:rsidRPr="00245E8B" w14:paraId="0AE26FD5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18FECDA" w14:textId="2BE9069D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5" w:name="ind_control_items_control_item_nameX7_3"/>
            <w:bookmarkEnd w:id="155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97E3C77" w14:textId="25AF6C69" w:rsidR="00EC4FBB" w:rsidRPr="00245E8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6" w:name="ind_control_items_control_item_nameX7_4"/>
            <w:bookmarkEnd w:id="156"/>
            <w:r>
              <w:rPr>
                <w:rFonts w:ascii="Arial" w:hAnsi="Arial" w:cs="Arial"/>
                <w:sz w:val="20"/>
                <w:szCs w:val="20"/>
              </w:rPr>
              <w:t xml:space="preserve">Spildolie, oliefiltre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kølevæsk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, bremsevæske, blyakkumulatorer, absorptionsmidler, bremsevand, spraydåser, ER BREMSEVAND FARLIGT AFFALD. DET LEDES TIL KLOAK......</w:t>
            </w:r>
          </w:p>
        </w:tc>
      </w:tr>
      <w:tr w:rsidR="00EC4FBB" w:rsidRPr="00245E8B" w14:paraId="124F816C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FB9E8B5" w14:textId="0F24B513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7" w:name="ind_control_items_control_item_nameX7_5"/>
            <w:bookmarkEnd w:id="157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6F3B44C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8" w:name="ind_control_items_control_item_nameX7_6"/>
            <w:bookmarkEnd w:id="158"/>
            <w:r>
              <w:rPr>
                <w:rFonts w:ascii="Arial" w:hAnsi="Arial" w:cs="Arial"/>
                <w:sz w:val="20"/>
                <w:szCs w:val="20"/>
              </w:rPr>
              <w:t>Der sorteres i følgende fraktioner:</w:t>
            </w:r>
          </w:p>
          <w:p w14:paraId="7AFF95E2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ap/papir</w:t>
            </w:r>
          </w:p>
          <w:p w14:paraId="5E390B16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landet brændbart</w:t>
            </w:r>
          </w:p>
          <w:p w14:paraId="22A76E98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ilruder</w:t>
            </w:r>
          </w:p>
          <w:p w14:paraId="24444F9D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ildæk</w:t>
            </w:r>
          </w:p>
          <w:p w14:paraId="35F6716B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ernskrot</w:t>
            </w:r>
          </w:p>
          <w:p w14:paraId="5DC4A349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last fra biler</w:t>
            </w:r>
          </w:p>
          <w:p w14:paraId="67D145EA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pildolie </w:t>
            </w:r>
          </w:p>
          <w:p w14:paraId="1857B113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Oliefiltre</w:t>
            </w:r>
          </w:p>
          <w:p w14:paraId="28272EE1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ølervæske</w:t>
            </w:r>
          </w:p>
          <w:p w14:paraId="255083DC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remsevæske</w:t>
            </w:r>
          </w:p>
          <w:p w14:paraId="3FF13E77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lyakkumulatorer</w:t>
            </w:r>
          </w:p>
          <w:p w14:paraId="1541DAFF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Absorbtionsmidler</w:t>
            </w:r>
            <w:proofErr w:type="spellEnd"/>
          </w:p>
          <w:p w14:paraId="02D514F9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remsevand</w:t>
            </w:r>
          </w:p>
          <w:p w14:paraId="600EF447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praydåser</w:t>
            </w:r>
          </w:p>
          <w:p w14:paraId="6A2115D5" w14:textId="4392568B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4FBB" w:rsidRPr="00245E8B" w14:paraId="266CC2DC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E073B35" w14:textId="357C332F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9" w:name="ind_control_items_control_item_nameX7_7"/>
            <w:bookmarkEnd w:id="159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3A053D8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0" w:name="ind_control_items_control_item_nameX7_8"/>
            <w:bookmarkEnd w:id="160"/>
            <w:r>
              <w:rPr>
                <w:rFonts w:ascii="Arial" w:hAnsi="Arial" w:cs="Arial"/>
                <w:sz w:val="20"/>
                <w:szCs w:val="20"/>
              </w:rPr>
              <w:t>Pap/papir opbevares i container</w:t>
            </w:r>
          </w:p>
          <w:p w14:paraId="71188CBC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landet brændbart i container</w:t>
            </w:r>
          </w:p>
          <w:p w14:paraId="7389FBE7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Bilruder Att. autoglas i Brønderslev tager brugte bilruder med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bort-skaffer</w:t>
            </w:r>
            <w:proofErr w:type="spellEnd"/>
          </w:p>
          <w:p w14:paraId="64943151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ildæk opbevares udendørs</w:t>
            </w:r>
          </w:p>
          <w:p w14:paraId="1DC3C4E1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ernskrot I tønde</w:t>
            </w:r>
          </w:p>
          <w:p w14:paraId="02A4227E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last fra biler i tønde</w:t>
            </w:r>
          </w:p>
          <w:p w14:paraId="5DB915B1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pildolie opbevares i tank i miljøskur på tilfredsstillende vis</w:t>
            </w:r>
          </w:p>
          <w:p w14:paraId="3910559E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Oliefiltre opbevares i container i miljøskur på tilfredsstillende vis</w:t>
            </w:r>
          </w:p>
          <w:p w14:paraId="2ABC608D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ølervæske opbevares i tønde i miljøskur på tilfredsstillende vis</w:t>
            </w:r>
          </w:p>
          <w:p w14:paraId="3E185889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remsevæske opbevares i tønde i miljøskur på tilfredsstillende vis</w:t>
            </w:r>
          </w:p>
          <w:p w14:paraId="7ED502F5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lyakkumulatorer opbevares i beholder af plast i miljøskur</w:t>
            </w:r>
          </w:p>
          <w:p w14:paraId="3026F11C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Absorbtionsmidl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pbevares i tønde</w:t>
            </w:r>
          </w:p>
          <w:p w14:paraId="53A10F9E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remsevand ledes til kloak</w:t>
            </w:r>
          </w:p>
          <w:p w14:paraId="26BE9E65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praydåser, meget lille antal </w:t>
            </w:r>
          </w:p>
          <w:p w14:paraId="0677365A" w14:textId="64E0FFB5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4FBB" w:rsidRPr="00245E8B" w14:paraId="75FF3D5E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2AC8F84" w14:textId="5BE23E00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1" w:name="ind_control_items_control_item_nameX7_9"/>
            <w:bookmarkEnd w:id="161"/>
            <w:r>
              <w:rPr>
                <w:rFonts w:ascii="Arial" w:hAnsi="Arial" w:cs="Arial"/>
                <w:sz w:val="20"/>
                <w:szCs w:val="20"/>
              </w:rPr>
              <w:t>Affald, øvrig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732A60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2" w:name="ind_control_items_control_item_nameX7_10"/>
            <w:bookmarkEnd w:id="162"/>
            <w:r>
              <w:rPr>
                <w:rFonts w:ascii="Arial" w:hAnsi="Arial" w:cs="Arial"/>
                <w:sz w:val="20"/>
                <w:szCs w:val="20"/>
              </w:rPr>
              <w:t>pap/papir</w:t>
            </w:r>
          </w:p>
          <w:p w14:paraId="3FC468BC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landet brændbart</w:t>
            </w:r>
          </w:p>
          <w:p w14:paraId="3B171829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ilruder</w:t>
            </w:r>
          </w:p>
          <w:p w14:paraId="1D9A1097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ildæk</w:t>
            </w:r>
          </w:p>
          <w:p w14:paraId="24414CC1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ernskrot</w:t>
            </w:r>
          </w:p>
          <w:p w14:paraId="310A5F85" w14:textId="782A531D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last fra biler</w:t>
            </w:r>
          </w:p>
        </w:tc>
      </w:tr>
      <w:tr w:rsidR="00EC4FBB" w:rsidRPr="00245E8B" w14:paraId="4548146C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A9DBD37" w14:textId="79443A7D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3" w:name="ind_control_items_control_item_nameX7_11"/>
            <w:bookmarkEnd w:id="163"/>
            <w:r>
              <w:rPr>
                <w:rFonts w:ascii="Arial" w:hAnsi="Arial" w:cs="Arial"/>
                <w:sz w:val="20"/>
                <w:szCs w:val="20"/>
              </w:rPr>
              <w:lastRenderedPageBreak/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5528310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4" w:name="ind_control_items_control_item_nameX7_12"/>
            <w:bookmarkEnd w:id="164"/>
            <w:r>
              <w:rPr>
                <w:rFonts w:ascii="Arial" w:hAnsi="Arial" w:cs="Arial"/>
                <w:sz w:val="20"/>
                <w:szCs w:val="20"/>
              </w:rPr>
              <w:t xml:space="preserve">Pap/papir bortskaffes af NBS containerservic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p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ist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Holt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1, 9510 Arden</w:t>
            </w:r>
          </w:p>
          <w:p w14:paraId="00B6107C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Blandet brændbart bortskaffes af NBS containerservic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p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isted Hol-ter 1, 9510 Arden</w:t>
            </w:r>
          </w:p>
          <w:p w14:paraId="4E706950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ilruder bortskaffes af Att. autoglas i Brønderslev tager brugte bilruder med og bortskaffer</w:t>
            </w:r>
          </w:p>
          <w:p w14:paraId="0C92E32D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ildæk bortskaffes af Villadsens Dækfabrik i Pandrup</w:t>
            </w:r>
          </w:p>
          <w:p w14:paraId="021BB642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pildolie Bortskaffes af ABAS</w:t>
            </w:r>
          </w:p>
          <w:p w14:paraId="356F62B6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Oliefiltre bortskaffes af ABAS</w:t>
            </w:r>
          </w:p>
          <w:p w14:paraId="38979B6C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ølervæske bortskaffes af ABAS</w:t>
            </w:r>
          </w:p>
          <w:p w14:paraId="43A936C0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remsevæske bortskaffes af ABAS</w:t>
            </w:r>
          </w:p>
          <w:p w14:paraId="7C1FEC56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lyakkumulatorer bortskaffes af leverandøren</w:t>
            </w:r>
          </w:p>
          <w:p w14:paraId="3089D9F4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Absorbtionsmidl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meget lid bortskaffes som affald</w:t>
            </w:r>
          </w:p>
          <w:p w14:paraId="1795E202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remsevaskevand ledes til kloak</w:t>
            </w:r>
          </w:p>
          <w:p w14:paraId="29E850F3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praydåser bortskaffes af ABAS</w:t>
            </w:r>
          </w:p>
          <w:p w14:paraId="6304FCEB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ernskrot meget lidt ingen fast aftager</w:t>
            </w:r>
          </w:p>
          <w:p w14:paraId="4070DFD7" w14:textId="5167B08A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last meget små mængder, ingen fast aftager</w:t>
            </w: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130CEF04" w:rsidR="00EC6E6D" w:rsidRPr="00245E8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5" w:name="ind_control_items_control_item_nameX11"/>
            <w:bookmarkEnd w:id="165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723A1BBB" w:rsidR="00EC6E6D" w:rsidRPr="00245E8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6" w:name="ind_control_items_control_item_nameX11_2"/>
            <w:bookmarkEnd w:id="166"/>
            <w:r>
              <w:rPr>
                <w:rFonts w:ascii="Arial" w:hAnsi="Arial" w:cs="Arial"/>
                <w:sz w:val="20"/>
                <w:szCs w:val="20"/>
              </w:rPr>
              <w:t xml:space="preserve">Der bruges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stoba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Danmark bilplejeprodukter i vaskehallen. Der er ikke noget at bemærke til produkterne. SVANEMERKEDE?</w:t>
            </w:r>
          </w:p>
        </w:tc>
      </w:tr>
      <w:tr w:rsidR="00EC4FBB" w:rsidRPr="00245E8B" w14:paraId="1E9C49FD" w14:textId="77777777" w:rsidTr="00EC4FB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ABFFFA3" w14:textId="6CCF2C93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7" w:name="ind_control_items_control_item_nameX11_3"/>
            <w:bookmarkEnd w:id="167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2BED91E" w14:textId="62EDF00C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8" w:name="ind_control_items_control_item_nameX11_4"/>
            <w:bookmarkEnd w:id="168"/>
            <w:r>
              <w:rPr>
                <w:rFonts w:ascii="Arial" w:hAnsi="Arial" w:cs="Arial"/>
                <w:sz w:val="20"/>
                <w:szCs w:val="20"/>
              </w:rPr>
              <w:t xml:space="preserve">Der er en tank til spildolie. Andr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lietank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på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atrikkel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hører til benzinanlægget som ejes/tilhører Uno X. </w:t>
            </w:r>
          </w:p>
        </w:tc>
      </w:tr>
      <w:tr w:rsidR="00EC4FBB" w:rsidRPr="00245E8B" w14:paraId="49B497A8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424747C" w14:textId="302AEFE2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9" w:name="ind_control_items_control_item_nameX11_5"/>
            <w:bookmarkEnd w:id="169"/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595AA57" w14:textId="77777777" w:rsidR="00EC4FBB" w:rsidRDefault="00EC4FBB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554660064">
    <w:abstractNumId w:val="11"/>
  </w:num>
  <w:num w:numId="2" w16cid:durableId="1097021857">
    <w:abstractNumId w:val="8"/>
  </w:num>
  <w:num w:numId="3" w16cid:durableId="1570845794">
    <w:abstractNumId w:val="10"/>
  </w:num>
  <w:num w:numId="4" w16cid:durableId="1730494442">
    <w:abstractNumId w:val="9"/>
  </w:num>
  <w:num w:numId="5" w16cid:durableId="233320296">
    <w:abstractNumId w:val="7"/>
  </w:num>
  <w:num w:numId="6" w16cid:durableId="1281689299">
    <w:abstractNumId w:val="6"/>
  </w:num>
  <w:num w:numId="7" w16cid:durableId="627079877">
    <w:abstractNumId w:val="5"/>
  </w:num>
  <w:num w:numId="8" w16cid:durableId="1115365887">
    <w:abstractNumId w:val="4"/>
  </w:num>
  <w:num w:numId="9" w16cid:durableId="201872311">
    <w:abstractNumId w:val="3"/>
  </w:num>
  <w:num w:numId="10" w16cid:durableId="3943767">
    <w:abstractNumId w:val="2"/>
  </w:num>
  <w:num w:numId="11" w16cid:durableId="797532758">
    <w:abstractNumId w:val="1"/>
  </w:num>
  <w:num w:numId="12" w16cid:durableId="991257103">
    <w:abstractNumId w:val="0"/>
  </w:num>
  <w:num w:numId="13" w16cid:durableId="1582982202">
    <w:abstractNumId w:val="10"/>
  </w:num>
  <w:num w:numId="14" w16cid:durableId="1266423945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1441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1C58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14BE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CEE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4FBB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6C54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41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customXml" Target="../customXml/item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customXml" Target="../customXml/item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Relationship Id="rId14" Type="http://schemas.openxmlformats.org/officeDocument/2006/relationships/customXml" Target="../customXml/item3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2" ma:contentTypeDescription="Opret et nyt dokument." ma:contentTypeScope="" ma:versionID="79ab99a72425668959fd38ffad2c5a34">
  <xsd:schema xmlns:xsd="http://www.w3.org/2001/XMLSchema" xmlns:xs="http://www.w3.org/2001/XMLSchema" xmlns:p="http://schemas.microsoft.com/office/2006/metadata/properties" xmlns:ns2="3e09a412-cb3c-494b-8dcb-765ef1a19895" targetNamespace="http://schemas.microsoft.com/office/2006/metadata/properties" ma:root="true" ma:fieldsID="3d15e9060121839881acf5094927ef9e" ns2:_="">
    <xsd:import namespace="3e09a412-cb3c-494b-8dcb-765ef1a19895"/>
    <xsd:element name="properties">
      <xsd:complexType>
        <xsd:sequence>
          <xsd:element name="documentManagement">
            <xsd:complexType>
              <xsd:all>
                <xsd:element ref="ns2:Bem_x00e6_rkning" minOccurs="0"/>
                <xsd:element ref="ns2:Test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Bem_x00e6_rkning" ma:index="2" nillable="true" ma:displayName="Bemærkning" ma:description="Evt. bemærkninger til dokument" ma:format="Dropdown" ma:internalName="Bem_x00e6_rkning" ma:readOnly="false">
      <xsd:simpleType>
        <xsd:restriction base="dms:Text">
          <xsd:maxLength value="255"/>
        </xsd:restriction>
      </xsd:simpleType>
    </xsd:element>
    <xsd:element name="Test" ma:index="3" nillable="true" ma:displayName="Test" ma:format="Dropdown" ma:internalName="Test" ma:readOnly="false">
      <xsd:simpleType>
        <xsd:restriction base="dms:Choice">
          <xsd:enumeration value="Udkast til rapport"/>
          <xsd:enumeration value="Varslingsbrev"/>
          <xsd:enumeration value="Brev"/>
        </xsd:restriction>
      </xsd:simple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hidden="true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Indholdstype"/>
        <xsd:element ref="dc:title" minOccurs="0" maxOccurs="1" ma:index="1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st xmlns="3e09a412-cb3c-494b-8dcb-765ef1a19895" xsi:nil="true"/>
    <Bem_x00e6_rkning xmlns="3e09a412-cb3c-494b-8dcb-765ef1a19895" xsi:nil="true"/>
  </documentManagement>
</p:properties>
</file>

<file path=customXml/itemProps1.xml><?xml version="1.0" encoding="utf-8"?>
<ds:datastoreItem xmlns:ds="http://schemas.openxmlformats.org/officeDocument/2006/customXml" ds:itemID="{E2709FCF-14B8-4A1A-ADCF-15D35ADB4DAB}"/>
</file>

<file path=customXml/itemProps2.xml><?xml version="1.0" encoding="utf-8"?>
<ds:datastoreItem xmlns:ds="http://schemas.openxmlformats.org/officeDocument/2006/customXml" ds:itemID="{EFEF0501-53EE-4D50-B20E-D6B4BA45A834}"/>
</file>

<file path=customXml/itemProps3.xml><?xml version="1.0" encoding="utf-8"?>
<ds:datastoreItem xmlns:ds="http://schemas.openxmlformats.org/officeDocument/2006/customXml" ds:itemID="{973977AB-E3A9-4E1D-84B2-6FFC1353ED3F}"/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0</TotalTime>
  <Pages>6</Pages>
  <Words>872</Words>
  <Characters>6058</Characters>
  <Application>Microsoft Office Word</Application>
  <DocSecurity>0</DocSecurity>
  <Lines>605</Lines>
  <Paragraphs>329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660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Frederik Bols Thomsen</cp:lastModifiedBy>
  <cp:revision>2</cp:revision>
  <cp:lastPrinted>2010-03-04T09:12:00Z</cp:lastPrinted>
  <dcterms:created xsi:type="dcterms:W3CDTF">2025-03-14T09:44:00Z</dcterms:created>
  <dcterms:modified xsi:type="dcterms:W3CDTF">2025-03-14T09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3BF9BEAC586DE4F8BF365F17E00181B</vt:lpwstr>
  </property>
</Properties>
</file>